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3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神奈川県立病院機構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-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8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28233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28233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 t="s">
        <v>14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>
        <v>2823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4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>
        <v>2823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4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4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4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4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4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4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4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4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4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4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4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4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4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4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>
        <v>3260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4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>
        <v>3260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4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>
        <v>3260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4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4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4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4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4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4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4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4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4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4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4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3149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31493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4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-31493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4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4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4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4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28233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4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4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4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4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4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4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28233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4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4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4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4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3260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4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4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3260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4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4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4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4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4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 t="s">
        <v>14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31493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31493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9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430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430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4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4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4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4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4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4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4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4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430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>
        <v>430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4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4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4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4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4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4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4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4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4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43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4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43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 t="s">
        <v>14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4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4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4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4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4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4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4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 t="s">
        <v>14</v>
      </c>
      <c r="K49" s="89"/>
      <c r="L49" s="90" t="s">
        <v>14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4</v>
      </c>
      <c r="K50" s="91"/>
      <c r="L50" s="37" t="s">
        <v>14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4</v>
      </c>
      <c r="K51" s="91"/>
      <c r="L51" s="37" t="s">
        <v>14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4</v>
      </c>
      <c r="K52" s="91"/>
      <c r="L52" s="37" t="s">
        <v>14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4</v>
      </c>
      <c r="K53" s="91"/>
      <c r="L53" s="37" t="s">
        <v>14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4</v>
      </c>
      <c r="K54" s="91"/>
      <c r="L54" s="37" t="s">
        <v>14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4</v>
      </c>
      <c r="K55" s="91"/>
      <c r="L55" s="37" t="s">
        <v>14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4</v>
      </c>
      <c r="K56" s="91"/>
      <c r="L56" s="37" t="s">
        <v>14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4</v>
      </c>
      <c r="K57" s="91"/>
      <c r="L57" s="37" t="s">
        <v>14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4</v>
      </c>
      <c r="K58" s="91"/>
      <c r="L58" s="37" t="s">
        <v>14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4</v>
      </c>
      <c r="K59" s="91"/>
      <c r="L59" s="37" t="s">
        <v>14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 t="s">
        <v>14</v>
      </c>
      <c r="K60" s="92"/>
      <c r="L60" s="84" t="s">
        <v>14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-1914</v>
      </c>
      <c r="L61" s="37">
        <v>1914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4</v>
      </c>
      <c r="L62" s="37" t="s">
        <v>14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4</v>
      </c>
      <c r="L63" s="37" t="s">
        <v>14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1228</v>
      </c>
      <c r="L64" s="37">
        <v>-1228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3142</v>
      </c>
      <c r="L65" s="37">
        <v>3142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4</v>
      </c>
      <c r="K66" s="94" t="s">
        <v>14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4</v>
      </c>
      <c r="K67" s="94" t="s">
        <v>14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4</v>
      </c>
      <c r="K68" s="91"/>
      <c r="L68" s="37" t="s">
        <v>14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 t="s">
        <v>14</v>
      </c>
      <c r="K69" s="96">
        <v>-1914</v>
      </c>
      <c r="L69" s="84">
        <v>1914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 t="s">
        <v>14</v>
      </c>
      <c r="K70" s="94">
        <v>33407</v>
      </c>
      <c r="L70" s="37">
        <v>-33407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 t="s">
        <v>14</v>
      </c>
      <c r="K71" s="100">
        <v>31493</v>
      </c>
      <c r="L71" s="54">
        <v>-31493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0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430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 t="s">
        <v>14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4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4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4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4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430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4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430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4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43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 t="s">
        <v>14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4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43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 t="s">
        <v>14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1228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4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4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1228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3142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4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4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3142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4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1914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3142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>
        <v>3142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4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>
        <v>1228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>
        <v>1228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1914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4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4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4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4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4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4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4Z</dcterms:created>
  <dcterms:modified xsi:type="dcterms:W3CDTF">2024-09-18T08:51:44Z</dcterms:modified>
</cp:coreProperties>
</file>